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tedebroec/"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ontwerp&#10;&#10;Automatisch gegenereerde beschrijving">
            <a:extLst>
              <a:ext uri="{FF2B5EF4-FFF2-40B4-BE49-F238E27FC236}">
                <a16:creationId xmlns:a16="http://schemas.microsoft.com/office/drawing/2014/main" id="{1FD2A2E3-9139-2C8D-9BE7-59047F8C742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5014859"/>
            <a:ext cx="2480151" cy="1547614"/>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ontwerp&#10;&#10;Automatisch gegenereerde beschrijving">
            <a:extLst>
              <a:ext uri="{FF2B5EF4-FFF2-40B4-BE49-F238E27FC236}">
                <a16:creationId xmlns:a16="http://schemas.microsoft.com/office/drawing/2014/main" id="{4BC82A44-BFA6-DEC4-307B-58563F903C2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6624" y="4152048"/>
            <a:ext cx="1680049" cy="104835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1-04T15:15:23Z</dcterms:modified>
</cp:coreProperties>
</file>